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101|$: Milestone07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201|$: Milestone08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301|$: Milestone09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r w:rsidR="00695814" w14:paraId="73E80B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2A9EED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4C3D1A21"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F20444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401|$: Milestone10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9DueDate |AddDays:1]}{[#:2402|$: Milestone10DueDate | NoUserInput |DATE:MMMM d, yyyy| CopyFromArgument: Milestone10StartDate | EndOfMonth]}{[#:2403|$: </w:t>
            </w:r>
            <w:r w:rsidRPr="00442BDB">
              <w:rPr>
                <w:rFonts w:ascii="Calibri" w:eastAsia="Calibri" w:hAnsi="Calibri" w:cs="Calibri"/>
                <w:sz w:val="22"/>
                <w:szCs w:val="22"/>
              </w:rPr>
              <w:lastRenderedPageBreak/>
              <w:t>Milestone10workdays | NoUserInput | NoOutput | WorkDaysStart: Milestone10StartDate |WorkDaysEnd: Milestone10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lastRenderedPageBreak/>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w:t>
            </w:r>
            <w:r w:rsidRPr="00297EE8">
              <w:rPr>
                <w:rFonts w:ascii="Calibri" w:hAnsi="Calibri" w:cs="Calibri"/>
                <w:color w:val="000000"/>
                <w:sz w:val="22"/>
                <w:szCs w:val="22"/>
              </w:rPr>
              <w:lastRenderedPageBreak/>
              <w:t>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lastRenderedPageBreak/>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w:t>
            </w:r>
            <w:proofErr w:type="gramStart"/>
            <w:r>
              <w:t>DATE:MMMM</w:t>
            </w:r>
            <w:proofErr w:type="gramEnd"/>
            <w:r>
              <w:t xml:space="preserve">| CopyFromArgument: Milestone06StartDate]} Month Services </w:t>
            </w:r>
          </w:p>
          <w:p w14:paraId="2069D2D9" w14:textId="77777777" w:rsidR="00695814" w:rsidRDefault="00695814" w:rsidP="00F76AF8">
            <w:pPr>
              <w:jc w:val="center"/>
            </w:pPr>
            <w:r>
              <w:t xml:space="preserve">{[#:2005|NoUserInput|$: Milestone 6 Service Fee | NUM|MULTIPLICATION | ThousandSeparated | MathValueFromArgument1: </w:t>
            </w:r>
            <w:r>
              <w:lastRenderedPageBreak/>
              <w:t xml:space="preserve">SEK/Hour | MathValueFromArgument2: Milesstone 6 Hours Worked |COMMENT:58,800]} </w:t>
            </w:r>
            <w:proofErr w:type="gramStart"/>
            <w:r>
              <w:t>SEK</w:t>
            </w:r>
            <w:proofErr w:type="gramEnd"/>
          </w:p>
          <w:p w14:paraId="16CAA168" w14:textId="77777777" w:rsidR="00695814" w:rsidRPr="000E3481" w:rsidRDefault="00695814" w:rsidP="00F76AF8">
            <w:pPr>
              <w:jc w:val="center"/>
              <w:rPr>
                <w:highlight w:val="lightGray"/>
              </w:rPr>
            </w:pPr>
            <w:r>
              <w:t xml:space="preserve">({[#:2099|CopyFromArgument: SEK/Hour |INVISIBLE|COMMENT: 350]} SEK/hour, {[#:2004|NoUserInput|$: Milesstone 6 Hours Worked | MULTIPLICATION| MathValueFromArgument1: 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w:t>
            </w:r>
            <w:proofErr w:type="gramStart"/>
            <w:r>
              <w:t>DATE:MMMM</w:t>
            </w:r>
            <w:proofErr w:type="gramEnd"/>
            <w:r>
              <w:t xml:space="preserve">| CopyFromArgument: Milestone07StartDate]} Month Services </w:t>
            </w:r>
          </w:p>
          <w:p w14:paraId="4E339C54" w14:textId="77777777" w:rsidR="00695814" w:rsidRDefault="00695814" w:rsidP="00F76AF8">
            <w:pPr>
              <w:jc w:val="center"/>
            </w:pPr>
            <w:r>
              <w:t xml:space="preserve">{[#:2105|NoUserInput|$: Milestone 7 Service Fee | NUM|MULTIPLICATION | ThousandSeparated | MathValueFromArgument1: SEK/Hour | MathValueFromArgument2: Milesstone 7 Hours Worked |COMMENT:58,800]} </w:t>
            </w:r>
            <w:proofErr w:type="gramStart"/>
            <w:r>
              <w:t>SEK</w:t>
            </w:r>
            <w:proofErr w:type="gramEnd"/>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t>
            </w:r>
            <w:r>
              <w:lastRenderedPageBreak/>
              <w:t xml:space="preserve">Workhours per Day | MathValueFromArgument2: Milestone07workdays |COMMENT:  178]} </w:t>
            </w:r>
            <w:proofErr w:type="gramStart"/>
            <w:r>
              <w:t>hours){</w:t>
            </w:r>
            <w:proofErr w:type="gramEnd"/>
            <w:r>
              <w:t>[#: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w:t>
            </w:r>
            <w:proofErr w:type="gramStart"/>
            <w:r>
              <w:t>DATE:MMMM</w:t>
            </w:r>
            <w:proofErr w:type="gramEnd"/>
            <w:r>
              <w:t xml:space="preserve">| CopyFromArgument: Milestone08StartDate]} Month Services </w:t>
            </w:r>
          </w:p>
          <w:p w14:paraId="26960549" w14:textId="77777777" w:rsidR="00695814" w:rsidRDefault="00695814" w:rsidP="00F76AF8">
            <w:pPr>
              <w:jc w:val="center"/>
            </w:pPr>
            <w:r>
              <w:t xml:space="preserve">{[#:2205|NoUserInput|$: Milestone 8 Service Fee | NUM|MULTIPLICATION | ThousandSeparated | MathValueFromArgument1: SEK/Hour | MathValueFromArgument2: Milesstone 8 Hours Worked |COMMENT:58,800]} </w:t>
            </w:r>
            <w:proofErr w:type="gramStart"/>
            <w:r>
              <w:t>SEK</w:t>
            </w:r>
            <w:proofErr w:type="gramEnd"/>
          </w:p>
          <w:p w14:paraId="64558999" w14:textId="77777777" w:rsidR="00695814" w:rsidRPr="000E3481" w:rsidRDefault="00695814" w:rsidP="00F76AF8">
            <w:pPr>
              <w:jc w:val="center"/>
              <w:rPr>
                <w:highlight w:val="lightGray"/>
              </w:rPr>
            </w:pPr>
            <w:r>
              <w:t xml:space="preserve">({[#:2299|CopyFromArgument: SEK/Hour |INVISIBLE|COMMENT: 350]} SEK/hour, {[#:2204|NoUserInput|$: Milesstone 8 Hours Worked | MULTIPLICATION| MathValueFromArgument1: Workhours per Day | MathValueFromArgument2: Milestone08workdays |COMMENT:  188]} </w:t>
            </w:r>
            <w:proofErr w:type="gramStart"/>
            <w:r>
              <w:t>hours){</w:t>
            </w:r>
            <w:proofErr w:type="gramEnd"/>
            <w:r>
              <w:t>[#: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w:t>
            </w:r>
            <w:proofErr w:type="gramStart"/>
            <w:r>
              <w:t>DATE:MMMM</w:t>
            </w:r>
            <w:proofErr w:type="gramEnd"/>
            <w:r>
              <w:t xml:space="preserve">| CopyFromArgument: Milestone09StartDate]} Month Services </w:t>
            </w:r>
          </w:p>
          <w:p w14:paraId="1252C66F" w14:textId="77777777" w:rsidR="00695814" w:rsidRDefault="00695814" w:rsidP="00F76AF8">
            <w:pPr>
              <w:jc w:val="center"/>
            </w:pPr>
            <w:r>
              <w:t xml:space="preserve">{[#:2305|NoUserInput|$: Milestone 9 Service Fee | NUM|MULTIPLICATION | ThousandSeparated | MathValueFromArgument1: SEK/Hour | MathValueFromArgument2: Milesstone 9 Hours Worked |COMMENT:59,900]} </w:t>
            </w:r>
            <w:proofErr w:type="gramStart"/>
            <w:r>
              <w:t>SEK</w:t>
            </w:r>
            <w:proofErr w:type="gramEnd"/>
          </w:p>
          <w:p w14:paraId="0C93484D" w14:textId="77777777" w:rsidR="00695814" w:rsidRPr="000E3481" w:rsidRDefault="00695814" w:rsidP="00F76AF8">
            <w:pPr>
              <w:jc w:val="center"/>
              <w:rPr>
                <w:highlight w:val="lightGray"/>
              </w:rPr>
            </w:pPr>
            <w:r>
              <w:t xml:space="preserve">({[#:2399|CopyFromArgument: SEK/Hour |INVISIBLE|COMMENT: 350]} SEK/hour, {[#:2304|NoUserInput|$: Milesstone 9 Hours Worked | MULTIPLICATION| MathValueFromArgument1: Workhours per Day | MathValueFromArgument2: Milestone09workdays |COMMENT:  199]} </w:t>
            </w:r>
            <w:proofErr w:type="gramStart"/>
            <w:r>
              <w:t>hours){</w:t>
            </w:r>
            <w:proofErr w:type="gramEnd"/>
            <w:r>
              <w:t>[#:2309|NoUserInput| NoOutput |$: Milestone 9 Fee Total | NUM| Addition| ThousandSeparated | MathValueFromArgument1: Milestone 8 Fee Total | MathValueFromArgument2: Milestone 9 Service Fee]}</w:t>
            </w:r>
          </w:p>
        </w:tc>
      </w:tr>
      <w:tr w:rsidR="00695814" w14:paraId="7BA94087"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DF6F34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10</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5DF82C5" w14:textId="77777777" w:rsidR="00695814" w:rsidRDefault="00695814" w:rsidP="00F76AF8">
            <w:pPr>
              <w:jc w:val="center"/>
            </w:pPr>
            <w:r>
              <w:t xml:space="preserve">{[#:2400|$: Milestone 10 name| NoUserInput | </w:t>
            </w:r>
            <w:proofErr w:type="gramStart"/>
            <w:r>
              <w:t>DATE:MMMM</w:t>
            </w:r>
            <w:proofErr w:type="gramEnd"/>
            <w:r>
              <w:t xml:space="preserve">| CopyFromArgument: Milestone10StartDate]} Month Services </w:t>
            </w:r>
          </w:p>
          <w:p w14:paraId="4AA89E33" w14:textId="77777777" w:rsidR="00695814" w:rsidRDefault="00695814" w:rsidP="00F76AF8">
            <w:pPr>
              <w:jc w:val="center"/>
            </w:pPr>
            <w:r>
              <w:t xml:space="preserve">{[#:2405|NoUserInput|$: Milestone 10 Service Fee | NUM|MULTIPLICATION | ThousandSeparated | MathValueFromArgument1: SEK/Hour | MathValueFromArgument2: </w:t>
            </w:r>
            <w:r>
              <w:lastRenderedPageBreak/>
              <w:t xml:space="preserve">Milesstone 10 Hours Worked |COMMENT:59,900]} </w:t>
            </w:r>
            <w:proofErr w:type="gramStart"/>
            <w:r>
              <w:t>SEK</w:t>
            </w:r>
            <w:proofErr w:type="gramEnd"/>
          </w:p>
          <w:p w14:paraId="41C9F42D" w14:textId="77777777" w:rsidR="00695814" w:rsidRPr="000E3481" w:rsidRDefault="00695814" w:rsidP="00F76AF8">
            <w:pPr>
              <w:jc w:val="center"/>
              <w:rPr>
                <w:highlight w:val="lightGray"/>
              </w:rPr>
            </w:pPr>
            <w:r>
              <w:t xml:space="preserve">({[#:2499|CopyFromArgument: SEK/Hour |INVISIBLE|COMMENT: 350]} SEK/hour, {[#:2404|NoUserInput|$: Milesstone 10 Hours Worked | MULTIPLICATION| MathValueFromArgument1: Workhours per Day | MathValueFromArgument2: Milestone10workdays |COMMENT:  199]} </w:t>
            </w:r>
            <w:proofErr w:type="gramStart"/>
            <w:r>
              <w:t>hours){</w:t>
            </w:r>
            <w:proofErr w:type="gramEnd"/>
            <w:r>
              <w:t>[#:2409|NoUserInput| NoOutput |$: Milestone 10 Fee Total | NUM| Addition| ThousandSeparated | MathValueFromArgument1: Milestone 9 Fee Total | MathValueFromArgument2: Milestone 10 Service Fee]}</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6237420F"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Pr>
                <w:szCs w:val="22"/>
                <w:highlight w:val="red"/>
              </w:rPr>
              <w:t>1</w:t>
            </w:r>
            <w:r w:rsidR="00B04D5C">
              <w:rPr>
                <w:szCs w:val="22"/>
                <w:highlight w:val="red"/>
              </w:rPr>
              <w:t>0</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Pr>
                <w:highlight w:val="red"/>
              </w:rPr>
              <w:t>1</w:t>
            </w:r>
            <w:r w:rsidR="00B04D5C">
              <w:rPr>
                <w:highlight w:val="red"/>
              </w:rPr>
              <w:t>0</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lastRenderedPageBreak/>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7C1143"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9BECE42" w14:textId="77777777" w:rsidR="007C1143" w:rsidRDefault="007C1143">
      <w:r>
        <w:separator/>
      </w:r>
    </w:p>
  </w:endnote>
  <w:endnote w:type="continuationSeparator" w:id="0">
    <w:p w14:paraId="2743430B" w14:textId="77777777" w:rsidR="007C1143" w:rsidRDefault="007C1143">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7C1143">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5F8D60F7" w14:textId="77777777" w:rsidR="007C1143" w:rsidRDefault="007C1143">
      <w:r>
        <w:separator/>
      </w:r>
    </w:p>
  </w:footnote>
  <w:footnote w:type="continuationSeparator" w:id="0">
    <w:p w14:paraId="6C6693BF" w14:textId="77777777" w:rsidR="007C1143" w:rsidRDefault="007C1143">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7C1143">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7C1143">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C7E06"/>
    <w:rsid w:val="003E763D"/>
    <w:rsid w:val="004D6E0F"/>
    <w:rsid w:val="00695814"/>
    <w:rsid w:val="007B0729"/>
    <w:rsid w:val="007C1143"/>
    <w:rsid w:val="00996121"/>
    <w:rsid w:val="00B04D5C"/>
    <w:rsid w:val="00BF294E"/>
    <w:rsid w:val="00BF480B"/>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0</TotalTime>
  <Pages>19</Pages>
  <Words>2829</Words>
  <Characters>14995</Characters>
  <Application>Microsoft Office Word</Application>
  <DocSecurity>0</DocSecurity>
  <Lines>124</Lines>
  <Paragraphs>35</Paragraphs>
  <ScaleCrop>false</ScaleCrop>
  <Company/>
  <LinksUpToDate>false</LinksUpToDate>
  <CharactersWithSpaces>1778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34:00Z</dcterms:created>
  <dcterms:modified xsi:type="dcterms:W3CDTF">2020-12-23T21:34:00Z</dcterms:modified>
</cp:coreProperties>
</file>